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27\1503\HP1503\"/>
    </mc:Choice>
  </mc:AlternateContent>
  <xr:revisionPtr revIDLastSave="0" documentId="13_ncr:1_{0C698C32-6252-45AA-9FF7-81B71D9B0C66}" xr6:coauthVersionLast="47" xr6:coauthVersionMax="47" xr10:uidLastSave="{00000000-0000-0000-0000-000000000000}"/>
  <bookViews>
    <workbookView xWindow="1920" yWindow="1920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大山地域計</t>
    <rPh sb="0" eb="2">
      <t>オオヤマ</t>
    </rPh>
    <rPh sb="2" eb="4">
      <t>チイキ</t>
    </rPh>
    <rPh sb="4" eb="5">
      <t>ケイ</t>
    </rPh>
    <phoneticPr fontId="3"/>
  </si>
  <si>
    <t>八尾地域計</t>
    <rPh sb="0" eb="2">
      <t>ヤツオマチ</t>
    </rPh>
    <rPh sb="2" eb="4">
      <t>チイキ</t>
    </rPh>
    <rPh sb="4" eb="5">
      <t>ケイ</t>
    </rPh>
    <phoneticPr fontId="3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地域計</t>
    <rPh sb="0" eb="2">
      <t>ホソイリムラ</t>
    </rPh>
    <rPh sb="2" eb="4">
      <t>チイキ</t>
    </rPh>
    <rPh sb="4" eb="5">
      <t>ケイ</t>
    </rPh>
    <phoneticPr fontId="3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平成27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8"/>
      <color theme="3"/>
      <name val="游ゴシック Light"/>
      <family val="2"/>
      <charset val="128"/>
      <scheme val="maj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6</v>
      </c>
      <c r="D4" s="7">
        <v>23</v>
      </c>
      <c r="E4" s="7">
        <v>39</v>
      </c>
      <c r="F4" s="8">
        <v>23</v>
      </c>
    </row>
    <row r="5" spans="1:9" ht="23.1" customHeight="1" x14ac:dyDescent="0.2">
      <c r="A5" s="9">
        <v>2</v>
      </c>
      <c r="B5" s="10" t="s">
        <v>6</v>
      </c>
      <c r="C5" s="11">
        <v>23</v>
      </c>
      <c r="D5" s="12">
        <v>27</v>
      </c>
      <c r="E5" s="12">
        <v>50</v>
      </c>
      <c r="F5" s="13">
        <v>30</v>
      </c>
    </row>
    <row r="6" spans="1:9" ht="23.1" customHeight="1" x14ac:dyDescent="0.2">
      <c r="A6" s="9">
        <v>3</v>
      </c>
      <c r="B6" s="10" t="s">
        <v>7</v>
      </c>
      <c r="C6" s="11">
        <v>13</v>
      </c>
      <c r="D6" s="12">
        <v>18</v>
      </c>
      <c r="E6" s="12">
        <v>31</v>
      </c>
      <c r="F6" s="13">
        <v>13</v>
      </c>
    </row>
    <row r="7" spans="1:9" ht="23.1" customHeight="1" x14ac:dyDescent="0.2">
      <c r="A7" s="9">
        <v>4</v>
      </c>
      <c r="B7" s="10" t="s">
        <v>8</v>
      </c>
      <c r="C7" s="11">
        <v>21</v>
      </c>
      <c r="D7" s="12">
        <v>55</v>
      </c>
      <c r="E7" s="12">
        <v>76</v>
      </c>
      <c r="F7" s="13">
        <v>43</v>
      </c>
    </row>
    <row r="8" spans="1:9" ht="23.1" customHeight="1" x14ac:dyDescent="0.2">
      <c r="A8" s="9">
        <v>5</v>
      </c>
      <c r="B8" s="10" t="s">
        <v>9</v>
      </c>
      <c r="C8" s="11">
        <v>21</v>
      </c>
      <c r="D8" s="12">
        <v>28</v>
      </c>
      <c r="E8" s="12">
        <v>49</v>
      </c>
      <c r="F8" s="13">
        <v>21</v>
      </c>
    </row>
    <row r="9" spans="1:9" ht="23.1" customHeight="1" x14ac:dyDescent="0.2">
      <c r="A9" s="9">
        <v>6</v>
      </c>
      <c r="B9" s="10" t="s">
        <v>10</v>
      </c>
      <c r="C9" s="11">
        <v>47</v>
      </c>
      <c r="D9" s="12">
        <v>85</v>
      </c>
      <c r="E9" s="12">
        <v>132</v>
      </c>
      <c r="F9" s="13">
        <v>58</v>
      </c>
    </row>
    <row r="10" spans="1:9" ht="23.1" customHeight="1" x14ac:dyDescent="0.2">
      <c r="A10" s="9">
        <v>7</v>
      </c>
      <c r="B10" s="10" t="s">
        <v>11</v>
      </c>
      <c r="C10" s="11">
        <v>15</v>
      </c>
      <c r="D10" s="12">
        <v>28</v>
      </c>
      <c r="E10" s="12">
        <v>43</v>
      </c>
      <c r="F10" s="13">
        <v>14</v>
      </c>
    </row>
    <row r="11" spans="1:9" ht="23.1" customHeight="1" x14ac:dyDescent="0.2">
      <c r="A11" s="9">
        <v>8</v>
      </c>
      <c r="B11" s="10" t="s">
        <v>12</v>
      </c>
      <c r="C11" s="11">
        <v>9</v>
      </c>
      <c r="D11" s="12">
        <v>20</v>
      </c>
      <c r="E11" s="12">
        <v>29</v>
      </c>
      <c r="F11" s="13">
        <v>17</v>
      </c>
    </row>
    <row r="12" spans="1:9" ht="23.1" customHeight="1" x14ac:dyDescent="0.2">
      <c r="A12" s="9">
        <v>9</v>
      </c>
      <c r="B12" s="10" t="s">
        <v>13</v>
      </c>
      <c r="C12" s="11">
        <v>22</v>
      </c>
      <c r="D12" s="12">
        <v>33</v>
      </c>
      <c r="E12" s="12">
        <v>55</v>
      </c>
      <c r="F12" s="13">
        <v>21</v>
      </c>
    </row>
    <row r="13" spans="1:9" ht="23.1" customHeight="1" x14ac:dyDescent="0.2">
      <c r="A13" s="9">
        <v>10</v>
      </c>
      <c r="B13" s="10" t="s">
        <v>14</v>
      </c>
      <c r="C13" s="11">
        <v>49</v>
      </c>
      <c r="D13" s="12">
        <v>77</v>
      </c>
      <c r="E13" s="12">
        <v>126</v>
      </c>
      <c r="F13" s="13">
        <v>67</v>
      </c>
    </row>
    <row r="14" spans="1:9" ht="23.1" customHeight="1" x14ac:dyDescent="0.2">
      <c r="A14" s="9">
        <v>11</v>
      </c>
      <c r="B14" s="10" t="s">
        <v>15</v>
      </c>
      <c r="C14" s="11">
        <v>22</v>
      </c>
      <c r="D14" s="12">
        <v>65</v>
      </c>
      <c r="E14" s="12">
        <v>87</v>
      </c>
      <c r="F14" s="13">
        <v>34</v>
      </c>
    </row>
    <row r="15" spans="1:9" ht="23.1" customHeight="1" x14ac:dyDescent="0.2">
      <c r="A15" s="9">
        <v>12</v>
      </c>
      <c r="B15" s="10" t="s">
        <v>16</v>
      </c>
      <c r="C15" s="11">
        <v>63</v>
      </c>
      <c r="D15" s="12">
        <v>78</v>
      </c>
      <c r="E15" s="12">
        <v>141</v>
      </c>
      <c r="F15" s="13">
        <v>64</v>
      </c>
    </row>
    <row r="16" spans="1:9" ht="23.1" customHeight="1" x14ac:dyDescent="0.2">
      <c r="A16" s="9">
        <v>13</v>
      </c>
      <c r="B16" s="10" t="s">
        <v>17</v>
      </c>
      <c r="C16" s="11">
        <v>56</v>
      </c>
      <c r="D16" s="12">
        <v>75</v>
      </c>
      <c r="E16" s="12">
        <v>131</v>
      </c>
      <c r="F16" s="13">
        <v>58</v>
      </c>
    </row>
    <row r="17" spans="1:6" ht="23.1" customHeight="1" x14ac:dyDescent="0.2">
      <c r="A17" s="9">
        <v>14</v>
      </c>
      <c r="B17" s="10" t="s">
        <v>18</v>
      </c>
      <c r="C17" s="11">
        <v>34</v>
      </c>
      <c r="D17" s="12">
        <v>50</v>
      </c>
      <c r="E17" s="12">
        <v>84</v>
      </c>
      <c r="F17" s="13">
        <v>38</v>
      </c>
    </row>
    <row r="18" spans="1:6" ht="23.1" customHeight="1" x14ac:dyDescent="0.2">
      <c r="A18" s="9">
        <v>15</v>
      </c>
      <c r="B18" s="10" t="s">
        <v>19</v>
      </c>
      <c r="C18" s="11">
        <v>24</v>
      </c>
      <c r="D18" s="12">
        <v>37</v>
      </c>
      <c r="E18" s="12">
        <v>61</v>
      </c>
      <c r="F18" s="13">
        <v>27</v>
      </c>
    </row>
    <row r="19" spans="1:6" ht="23.1" customHeight="1" x14ac:dyDescent="0.2">
      <c r="A19" s="9">
        <v>16</v>
      </c>
      <c r="B19" s="10" t="s">
        <v>20</v>
      </c>
      <c r="C19" s="11">
        <v>239</v>
      </c>
      <c r="D19" s="12">
        <v>199</v>
      </c>
      <c r="E19" s="12">
        <v>438</v>
      </c>
      <c r="F19" s="13">
        <v>347</v>
      </c>
    </row>
    <row r="20" spans="1:6" ht="23.1" customHeight="1" x14ac:dyDescent="0.2">
      <c r="A20" s="9">
        <v>17</v>
      </c>
      <c r="B20" s="10" t="s">
        <v>21</v>
      </c>
      <c r="C20" s="11">
        <v>84</v>
      </c>
      <c r="D20" s="12">
        <v>109</v>
      </c>
      <c r="E20" s="12">
        <v>193</v>
      </c>
      <c r="F20" s="13">
        <v>71</v>
      </c>
    </row>
    <row r="21" spans="1:6" ht="23.1" customHeight="1" x14ac:dyDescent="0.2">
      <c r="A21" s="9">
        <v>18</v>
      </c>
      <c r="B21" s="10" t="s">
        <v>22</v>
      </c>
      <c r="C21" s="11">
        <v>10</v>
      </c>
      <c r="D21" s="12">
        <v>10</v>
      </c>
      <c r="E21" s="12">
        <v>20</v>
      </c>
      <c r="F21" s="13">
        <v>10</v>
      </c>
    </row>
    <row r="22" spans="1:6" ht="23.1" customHeight="1" x14ac:dyDescent="0.2">
      <c r="A22" s="9">
        <v>19</v>
      </c>
      <c r="B22" s="10" t="s">
        <v>23</v>
      </c>
      <c r="C22" s="11">
        <v>38</v>
      </c>
      <c r="D22" s="12">
        <v>30</v>
      </c>
      <c r="E22" s="12">
        <v>68</v>
      </c>
      <c r="F22" s="13">
        <v>30</v>
      </c>
    </row>
    <row r="23" spans="1:6" ht="23.1" customHeight="1" x14ac:dyDescent="0.2">
      <c r="A23" s="9">
        <v>20</v>
      </c>
      <c r="B23" s="10" t="s">
        <v>24</v>
      </c>
      <c r="C23" s="11">
        <v>34</v>
      </c>
      <c r="D23" s="12">
        <v>44</v>
      </c>
      <c r="E23" s="12">
        <v>78</v>
      </c>
      <c r="F23" s="13">
        <v>37</v>
      </c>
    </row>
    <row r="24" spans="1:6" ht="23.1" customHeight="1" x14ac:dyDescent="0.2">
      <c r="A24" s="9">
        <v>21</v>
      </c>
      <c r="B24" s="10" t="s">
        <v>25</v>
      </c>
      <c r="C24" s="11">
        <v>6</v>
      </c>
      <c r="D24" s="12">
        <v>7</v>
      </c>
      <c r="E24" s="12">
        <v>13</v>
      </c>
      <c r="F24" s="13">
        <v>5</v>
      </c>
    </row>
    <row r="25" spans="1:6" ht="23.1" customHeight="1" x14ac:dyDescent="0.2">
      <c r="A25" s="9">
        <v>22</v>
      </c>
      <c r="B25" s="10" t="s">
        <v>26</v>
      </c>
      <c r="C25" s="11">
        <v>25</v>
      </c>
      <c r="D25" s="12">
        <v>45</v>
      </c>
      <c r="E25" s="12">
        <v>70</v>
      </c>
      <c r="F25" s="13">
        <v>34</v>
      </c>
    </row>
    <row r="26" spans="1:6" ht="23.1" customHeight="1" x14ac:dyDescent="0.2">
      <c r="A26" s="9">
        <v>23</v>
      </c>
      <c r="B26" s="10" t="s">
        <v>27</v>
      </c>
      <c r="C26" s="11">
        <v>76</v>
      </c>
      <c r="D26" s="12">
        <v>64</v>
      </c>
      <c r="E26" s="12">
        <v>140</v>
      </c>
      <c r="F26" s="13">
        <v>71</v>
      </c>
    </row>
    <row r="27" spans="1:6" ht="23.1" customHeight="1" x14ac:dyDescent="0.2">
      <c r="A27" s="9">
        <v>24</v>
      </c>
      <c r="B27" s="10" t="s">
        <v>28</v>
      </c>
      <c r="C27" s="11">
        <v>120</v>
      </c>
      <c r="D27" s="12">
        <v>138</v>
      </c>
      <c r="E27" s="12">
        <v>258</v>
      </c>
      <c r="F27" s="13">
        <v>129</v>
      </c>
    </row>
    <row r="28" spans="1:6" ht="23.1" customHeight="1" x14ac:dyDescent="0.2">
      <c r="A28" s="9">
        <v>25</v>
      </c>
      <c r="B28" s="10" t="s">
        <v>29</v>
      </c>
      <c r="C28" s="11">
        <v>52</v>
      </c>
      <c r="D28" s="12">
        <v>80</v>
      </c>
      <c r="E28" s="12">
        <v>132</v>
      </c>
      <c r="F28" s="13">
        <v>63</v>
      </c>
    </row>
    <row r="29" spans="1:6" ht="23.1" customHeight="1" x14ac:dyDescent="0.2">
      <c r="A29" s="9">
        <v>26</v>
      </c>
      <c r="B29" s="10" t="s">
        <v>30</v>
      </c>
      <c r="C29" s="11">
        <v>48</v>
      </c>
      <c r="D29" s="12">
        <v>54</v>
      </c>
      <c r="E29" s="12">
        <v>102</v>
      </c>
      <c r="F29" s="13">
        <v>41</v>
      </c>
    </row>
    <row r="30" spans="1:6" ht="23.1" customHeight="1" x14ac:dyDescent="0.2">
      <c r="A30" s="9">
        <v>27</v>
      </c>
      <c r="B30" s="10" t="s">
        <v>31</v>
      </c>
      <c r="C30" s="11">
        <v>77</v>
      </c>
      <c r="D30" s="12">
        <v>108</v>
      </c>
      <c r="E30" s="12">
        <v>185</v>
      </c>
      <c r="F30" s="13">
        <v>83</v>
      </c>
    </row>
    <row r="31" spans="1:6" ht="23.1" customHeight="1" x14ac:dyDescent="0.2">
      <c r="A31" s="9">
        <v>28</v>
      </c>
      <c r="B31" s="10" t="s">
        <v>32</v>
      </c>
      <c r="C31" s="11">
        <v>19</v>
      </c>
      <c r="D31" s="12">
        <v>50</v>
      </c>
      <c r="E31" s="12">
        <v>69</v>
      </c>
      <c r="F31" s="13">
        <v>21</v>
      </c>
    </row>
    <row r="32" spans="1:6" ht="23.1" customHeight="1" x14ac:dyDescent="0.2">
      <c r="A32" s="9">
        <v>29</v>
      </c>
      <c r="B32" s="10" t="s">
        <v>33</v>
      </c>
      <c r="C32" s="11">
        <v>9</v>
      </c>
      <c r="D32" s="12">
        <v>22</v>
      </c>
      <c r="E32" s="12">
        <v>31</v>
      </c>
      <c r="F32" s="13">
        <v>12</v>
      </c>
    </row>
    <row r="33" spans="1:6" ht="23.1" customHeight="1" x14ac:dyDescent="0.2">
      <c r="A33" s="9">
        <v>30</v>
      </c>
      <c r="B33" s="10" t="s">
        <v>34</v>
      </c>
      <c r="C33" s="11">
        <v>39</v>
      </c>
      <c r="D33" s="12">
        <v>60</v>
      </c>
      <c r="E33" s="12">
        <v>99</v>
      </c>
      <c r="F33" s="13">
        <v>49</v>
      </c>
    </row>
    <row r="34" spans="1:6" ht="23.1" customHeight="1" x14ac:dyDescent="0.2">
      <c r="A34" s="9">
        <v>31</v>
      </c>
      <c r="B34" s="10" t="s">
        <v>35</v>
      </c>
      <c r="C34" s="11">
        <v>12</v>
      </c>
      <c r="D34" s="12">
        <v>40</v>
      </c>
      <c r="E34" s="12">
        <v>52</v>
      </c>
      <c r="F34" s="13">
        <v>34</v>
      </c>
    </row>
    <row r="35" spans="1:6" ht="23.1" customHeight="1" x14ac:dyDescent="0.2">
      <c r="A35" s="9">
        <v>32</v>
      </c>
      <c r="B35" s="10" t="s">
        <v>36</v>
      </c>
      <c r="C35" s="11">
        <v>10</v>
      </c>
      <c r="D35" s="12">
        <v>68</v>
      </c>
      <c r="E35" s="12">
        <v>78</v>
      </c>
      <c r="F35" s="13">
        <v>57</v>
      </c>
    </row>
    <row r="36" spans="1:6" ht="23.1" customHeight="1" x14ac:dyDescent="0.2">
      <c r="A36" s="9">
        <v>33</v>
      </c>
      <c r="B36" s="10" t="s">
        <v>37</v>
      </c>
      <c r="C36" s="11">
        <v>2</v>
      </c>
      <c r="D36" s="12">
        <v>37</v>
      </c>
      <c r="E36" s="12">
        <v>39</v>
      </c>
      <c r="F36" s="13">
        <v>23</v>
      </c>
    </row>
    <row r="37" spans="1:6" ht="23.1" customHeight="1" x14ac:dyDescent="0.2">
      <c r="A37" s="9">
        <v>34</v>
      </c>
      <c r="B37" s="10" t="s">
        <v>38</v>
      </c>
      <c r="C37" s="11">
        <v>15</v>
      </c>
      <c r="D37" s="12">
        <v>22</v>
      </c>
      <c r="E37" s="12">
        <v>37</v>
      </c>
      <c r="F37" s="13">
        <v>12</v>
      </c>
    </row>
    <row r="38" spans="1:6" ht="23.1" customHeight="1" x14ac:dyDescent="0.2">
      <c r="A38" s="9">
        <v>35</v>
      </c>
      <c r="B38" s="10" t="s">
        <v>39</v>
      </c>
      <c r="C38" s="11">
        <v>17</v>
      </c>
      <c r="D38" s="12">
        <v>11</v>
      </c>
      <c r="E38" s="12">
        <v>28</v>
      </c>
      <c r="F38" s="13">
        <v>25</v>
      </c>
    </row>
    <row r="39" spans="1:6" ht="23.1" customHeight="1" x14ac:dyDescent="0.2">
      <c r="A39" s="9">
        <v>36</v>
      </c>
      <c r="B39" s="10" t="s">
        <v>40</v>
      </c>
      <c r="C39" s="11">
        <v>20</v>
      </c>
      <c r="D39" s="12">
        <v>20</v>
      </c>
      <c r="E39" s="12">
        <v>40</v>
      </c>
      <c r="F39" s="13">
        <v>18</v>
      </c>
    </row>
    <row r="40" spans="1:6" ht="23.1" customHeight="1" x14ac:dyDescent="0.2">
      <c r="A40" s="9">
        <v>37</v>
      </c>
      <c r="B40" s="10" t="s">
        <v>41</v>
      </c>
      <c r="C40" s="11">
        <v>15</v>
      </c>
      <c r="D40" s="12">
        <v>19</v>
      </c>
      <c r="E40" s="12">
        <v>34</v>
      </c>
      <c r="F40" s="13">
        <v>11</v>
      </c>
    </row>
    <row r="41" spans="1:6" ht="23.1" customHeight="1" x14ac:dyDescent="0.2">
      <c r="A41" s="9">
        <v>38</v>
      </c>
      <c r="B41" s="10" t="s">
        <v>42</v>
      </c>
      <c r="C41" s="11">
        <v>56</v>
      </c>
      <c r="D41" s="12">
        <v>95</v>
      </c>
      <c r="E41" s="12">
        <v>151</v>
      </c>
      <c r="F41" s="13">
        <v>70</v>
      </c>
    </row>
    <row r="42" spans="1:6" ht="23.1" customHeight="1" x14ac:dyDescent="0.2">
      <c r="A42" s="9">
        <v>39</v>
      </c>
      <c r="B42" s="10" t="s">
        <v>43</v>
      </c>
      <c r="C42" s="11">
        <v>22</v>
      </c>
      <c r="D42" s="12">
        <v>22</v>
      </c>
      <c r="E42" s="12">
        <v>44</v>
      </c>
      <c r="F42" s="13">
        <v>22</v>
      </c>
    </row>
    <row r="43" spans="1:6" ht="23.1" customHeight="1" x14ac:dyDescent="0.2">
      <c r="A43" s="9">
        <v>40</v>
      </c>
      <c r="B43" s="10" t="s">
        <v>44</v>
      </c>
      <c r="C43" s="11">
        <v>22</v>
      </c>
      <c r="D43" s="12">
        <v>9</v>
      </c>
      <c r="E43" s="12">
        <v>31</v>
      </c>
      <c r="F43" s="13">
        <v>23</v>
      </c>
    </row>
    <row r="44" spans="1:6" ht="23.1" customHeight="1" x14ac:dyDescent="0.2">
      <c r="A44" s="9">
        <v>41</v>
      </c>
      <c r="B44" s="10" t="s">
        <v>45</v>
      </c>
      <c r="C44" s="11">
        <v>46</v>
      </c>
      <c r="D44" s="12">
        <v>37</v>
      </c>
      <c r="E44" s="12">
        <v>83</v>
      </c>
      <c r="F44" s="13">
        <v>60</v>
      </c>
    </row>
    <row r="45" spans="1:6" ht="23.1" customHeight="1" x14ac:dyDescent="0.2">
      <c r="A45" s="9">
        <v>42</v>
      </c>
      <c r="B45" s="10" t="s">
        <v>46</v>
      </c>
      <c r="C45" s="11">
        <v>49</v>
      </c>
      <c r="D45" s="12">
        <v>27</v>
      </c>
      <c r="E45" s="12">
        <v>76</v>
      </c>
      <c r="F45" s="13">
        <v>60</v>
      </c>
    </row>
    <row r="46" spans="1:6" ht="23.1" customHeight="1" x14ac:dyDescent="0.2">
      <c r="A46" s="9">
        <v>43</v>
      </c>
      <c r="B46" s="10" t="s">
        <v>47</v>
      </c>
      <c r="C46" s="11">
        <v>3</v>
      </c>
      <c r="D46" s="12">
        <v>9</v>
      </c>
      <c r="E46" s="12">
        <v>12</v>
      </c>
      <c r="F46" s="13">
        <v>2</v>
      </c>
    </row>
    <row r="47" spans="1:6" ht="23.1" customHeight="1" x14ac:dyDescent="0.2">
      <c r="A47" s="9">
        <v>44</v>
      </c>
      <c r="B47" s="10" t="s">
        <v>48</v>
      </c>
      <c r="C47" s="11">
        <v>8</v>
      </c>
      <c r="D47" s="12">
        <v>28</v>
      </c>
      <c r="E47" s="12">
        <v>36</v>
      </c>
      <c r="F47" s="13">
        <v>11</v>
      </c>
    </row>
    <row r="48" spans="1:6" ht="23.1" customHeight="1" x14ac:dyDescent="0.2">
      <c r="A48" s="9">
        <v>45</v>
      </c>
      <c r="B48" s="10" t="s">
        <v>49</v>
      </c>
      <c r="C48" s="11">
        <v>3</v>
      </c>
      <c r="D48" s="12">
        <v>24</v>
      </c>
      <c r="E48" s="12">
        <v>27</v>
      </c>
      <c r="F48" s="13">
        <v>23</v>
      </c>
    </row>
    <row r="49" spans="1:6" ht="23.1" customHeight="1" x14ac:dyDescent="0.2">
      <c r="A49" s="9">
        <v>46</v>
      </c>
      <c r="B49" s="10" t="s">
        <v>50</v>
      </c>
      <c r="C49" s="11">
        <v>7</v>
      </c>
      <c r="D49" s="12">
        <v>9</v>
      </c>
      <c r="E49" s="12">
        <v>16</v>
      </c>
      <c r="F49" s="13">
        <v>6</v>
      </c>
    </row>
    <row r="50" spans="1:6" ht="23.1" customHeight="1" x14ac:dyDescent="0.2">
      <c r="A50" s="9">
        <v>47</v>
      </c>
      <c r="B50" s="10" t="s">
        <v>51</v>
      </c>
      <c r="C50" s="11">
        <v>28</v>
      </c>
      <c r="D50" s="12">
        <v>28</v>
      </c>
      <c r="E50" s="12">
        <v>56</v>
      </c>
      <c r="F50" s="13">
        <v>46</v>
      </c>
    </row>
    <row r="51" spans="1:6" ht="23.1" customHeight="1" x14ac:dyDescent="0.2">
      <c r="A51" s="9">
        <v>48</v>
      </c>
      <c r="B51" s="10" t="s">
        <v>52</v>
      </c>
      <c r="C51" s="11">
        <v>2</v>
      </c>
      <c r="D51" s="12">
        <v>2</v>
      </c>
      <c r="E51" s="12">
        <v>4</v>
      </c>
      <c r="F51" s="13">
        <v>1</v>
      </c>
    </row>
    <row r="52" spans="1:6" ht="23.1" customHeight="1" x14ac:dyDescent="0.2">
      <c r="A52" s="9">
        <v>49</v>
      </c>
      <c r="B52" s="10" t="s">
        <v>53</v>
      </c>
      <c r="C52" s="11">
        <v>59</v>
      </c>
      <c r="D52" s="12">
        <v>81</v>
      </c>
      <c r="E52" s="12">
        <v>140</v>
      </c>
      <c r="F52" s="13">
        <v>66</v>
      </c>
    </row>
    <row r="53" spans="1:6" ht="23.1" customHeight="1" x14ac:dyDescent="0.2">
      <c r="A53" s="9">
        <v>50</v>
      </c>
      <c r="B53" s="10" t="s">
        <v>56</v>
      </c>
      <c r="C53" s="11">
        <v>122</v>
      </c>
      <c r="D53" s="12">
        <v>98</v>
      </c>
      <c r="E53" s="12">
        <v>220</v>
      </c>
      <c r="F53" s="13">
        <v>143</v>
      </c>
    </row>
    <row r="54" spans="1:6" ht="23.1" customHeight="1" x14ac:dyDescent="0.2">
      <c r="A54" s="9">
        <v>99</v>
      </c>
      <c r="B54" s="10" t="s">
        <v>57</v>
      </c>
      <c r="C54" s="11">
        <v>1829</v>
      </c>
      <c r="D54" s="12">
        <v>2405</v>
      </c>
      <c r="E54" s="12">
        <v>4234</v>
      </c>
      <c r="F54" s="13">
        <v>2244</v>
      </c>
    </row>
    <row r="55" spans="1:6" ht="23.1" customHeight="1" x14ac:dyDescent="0.2">
      <c r="A55" s="14">
        <v>101</v>
      </c>
      <c r="B55" s="15" t="s">
        <v>64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65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6</v>
      </c>
      <c r="C57" s="11">
        <v>7</v>
      </c>
      <c r="D57" s="12">
        <v>21</v>
      </c>
      <c r="E57" s="12">
        <v>28</v>
      </c>
      <c r="F57" s="13">
        <v>22</v>
      </c>
    </row>
    <row r="58" spans="1:6" ht="23.1" customHeight="1" x14ac:dyDescent="0.2">
      <c r="A58" s="14">
        <v>104</v>
      </c>
      <c r="B58" s="15" t="s">
        <v>67</v>
      </c>
      <c r="C58" s="11">
        <v>59</v>
      </c>
      <c r="D58" s="12">
        <v>47</v>
      </c>
      <c r="E58" s="12">
        <v>106</v>
      </c>
      <c r="F58" s="13">
        <v>56</v>
      </c>
    </row>
    <row r="59" spans="1:6" ht="23.1" customHeight="1" x14ac:dyDescent="0.2">
      <c r="A59" s="14">
        <v>105</v>
      </c>
      <c r="B59" s="15" t="s">
        <v>68</v>
      </c>
      <c r="C59" s="11">
        <v>19</v>
      </c>
      <c r="D59" s="12">
        <v>67</v>
      </c>
      <c r="E59" s="12">
        <v>86</v>
      </c>
      <c r="F59" s="13">
        <v>65</v>
      </c>
    </row>
    <row r="60" spans="1:6" ht="23.1" customHeight="1" x14ac:dyDescent="0.2">
      <c r="A60" s="14">
        <v>199</v>
      </c>
      <c r="B60" s="15" t="s">
        <v>58</v>
      </c>
      <c r="C60" s="11">
        <v>85</v>
      </c>
      <c r="D60" s="12">
        <v>136</v>
      </c>
      <c r="E60" s="12">
        <v>221</v>
      </c>
      <c r="F60" s="13">
        <v>143</v>
      </c>
    </row>
    <row r="61" spans="1:6" ht="23.1" customHeight="1" x14ac:dyDescent="0.2">
      <c r="A61" s="14">
        <v>201</v>
      </c>
      <c r="B61" s="15" t="s">
        <v>69</v>
      </c>
      <c r="C61" s="11">
        <v>27</v>
      </c>
      <c r="D61" s="12">
        <v>9</v>
      </c>
      <c r="E61" s="12">
        <v>36</v>
      </c>
      <c r="F61" s="13">
        <v>27</v>
      </c>
    </row>
    <row r="62" spans="1:6" ht="23.1" customHeight="1" x14ac:dyDescent="0.2">
      <c r="A62" s="14">
        <v>202</v>
      </c>
      <c r="B62" s="15" t="s">
        <v>70</v>
      </c>
      <c r="C62" s="11">
        <v>2</v>
      </c>
      <c r="D62" s="12">
        <v>1</v>
      </c>
      <c r="E62" s="12">
        <v>3</v>
      </c>
      <c r="F62" s="13">
        <v>1</v>
      </c>
    </row>
    <row r="63" spans="1:6" ht="23.1" customHeight="1" x14ac:dyDescent="0.2">
      <c r="A63" s="14">
        <v>203</v>
      </c>
      <c r="B63" s="15" t="s">
        <v>71</v>
      </c>
      <c r="C63" s="11">
        <v>17</v>
      </c>
      <c r="D63" s="12">
        <v>14</v>
      </c>
      <c r="E63" s="12">
        <v>31</v>
      </c>
      <c r="F63" s="13">
        <v>17</v>
      </c>
    </row>
    <row r="64" spans="1:6" ht="23.1" customHeight="1" x14ac:dyDescent="0.2">
      <c r="A64" s="14">
        <v>204</v>
      </c>
      <c r="B64" s="15" t="s">
        <v>72</v>
      </c>
      <c r="C64" s="11">
        <v>28</v>
      </c>
      <c r="D64" s="12">
        <v>25</v>
      </c>
      <c r="E64" s="12">
        <v>53</v>
      </c>
      <c r="F64" s="13">
        <v>42</v>
      </c>
    </row>
    <row r="65" spans="1:6" ht="23.1" customHeight="1" x14ac:dyDescent="0.2">
      <c r="A65" s="14">
        <v>299</v>
      </c>
      <c r="B65" s="15" t="s">
        <v>59</v>
      </c>
      <c r="C65" s="11">
        <v>74</v>
      </c>
      <c r="D65" s="12">
        <v>49</v>
      </c>
      <c r="E65" s="12">
        <v>123</v>
      </c>
      <c r="F65" s="13">
        <v>87</v>
      </c>
    </row>
    <row r="66" spans="1:6" ht="23.1" customHeight="1" x14ac:dyDescent="0.2">
      <c r="A66" s="14">
        <v>301</v>
      </c>
      <c r="B66" s="15" t="s">
        <v>73</v>
      </c>
      <c r="C66" s="11">
        <v>1</v>
      </c>
      <c r="D66" s="12">
        <v>3</v>
      </c>
      <c r="E66" s="12">
        <v>4</v>
      </c>
      <c r="F66" s="13">
        <v>2</v>
      </c>
    </row>
    <row r="67" spans="1:6" ht="23.1" customHeight="1" x14ac:dyDescent="0.2">
      <c r="A67" s="14">
        <v>302</v>
      </c>
      <c r="B67" s="15" t="s">
        <v>74</v>
      </c>
      <c r="C67" s="11">
        <v>35</v>
      </c>
      <c r="D67" s="12">
        <v>59</v>
      </c>
      <c r="E67" s="12">
        <v>94</v>
      </c>
      <c r="F67" s="13">
        <v>65</v>
      </c>
    </row>
    <row r="68" spans="1:6" ht="23.1" customHeight="1" x14ac:dyDescent="0.2">
      <c r="A68" s="14">
        <v>303</v>
      </c>
      <c r="B68" s="15" t="s">
        <v>75</v>
      </c>
      <c r="C68" s="11">
        <v>22</v>
      </c>
      <c r="D68" s="12">
        <v>33</v>
      </c>
      <c r="E68" s="12">
        <v>55</v>
      </c>
      <c r="F68" s="13">
        <v>22</v>
      </c>
    </row>
    <row r="69" spans="1:6" ht="23.1" customHeight="1" x14ac:dyDescent="0.2">
      <c r="A69" s="14">
        <v>304</v>
      </c>
      <c r="B69" s="15" t="s">
        <v>76</v>
      </c>
      <c r="C69" s="11">
        <v>1</v>
      </c>
      <c r="D69" s="12">
        <v>4</v>
      </c>
      <c r="E69" s="12">
        <v>5</v>
      </c>
      <c r="F69" s="13">
        <v>3</v>
      </c>
    </row>
    <row r="70" spans="1:6" ht="23.1" customHeight="1" x14ac:dyDescent="0.2">
      <c r="A70" s="14">
        <v>305</v>
      </c>
      <c r="B70" s="15" t="s">
        <v>77</v>
      </c>
      <c r="C70" s="11">
        <v>0</v>
      </c>
      <c r="D70" s="12">
        <v>4</v>
      </c>
      <c r="E70" s="12">
        <v>4</v>
      </c>
      <c r="F70" s="13">
        <v>0</v>
      </c>
    </row>
    <row r="71" spans="1:6" ht="23.1" customHeight="1" x14ac:dyDescent="0.2">
      <c r="A71" s="14">
        <v>306</v>
      </c>
      <c r="B71" s="15" t="s">
        <v>78</v>
      </c>
      <c r="C71" s="11">
        <v>2</v>
      </c>
      <c r="D71" s="12">
        <v>4</v>
      </c>
      <c r="E71" s="12">
        <v>6</v>
      </c>
      <c r="F71" s="13">
        <v>1</v>
      </c>
    </row>
    <row r="72" spans="1:6" ht="23.1" customHeight="1" x14ac:dyDescent="0.2">
      <c r="A72" s="14">
        <v>307</v>
      </c>
      <c r="B72" s="15" t="s">
        <v>79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80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81</v>
      </c>
      <c r="C74" s="11">
        <v>0</v>
      </c>
      <c r="D74" s="12">
        <v>0</v>
      </c>
      <c r="E74" s="12">
        <v>0</v>
      </c>
      <c r="F74" s="13">
        <v>0</v>
      </c>
    </row>
    <row r="75" spans="1:6" ht="23.1" customHeight="1" x14ac:dyDescent="0.2">
      <c r="A75" s="14">
        <v>399</v>
      </c>
      <c r="B75" s="15" t="s">
        <v>60</v>
      </c>
      <c r="C75" s="11">
        <v>61</v>
      </c>
      <c r="D75" s="12">
        <v>110</v>
      </c>
      <c r="E75" s="12">
        <v>171</v>
      </c>
      <c r="F75" s="13">
        <v>93</v>
      </c>
    </row>
    <row r="76" spans="1:6" ht="23.1" customHeight="1" x14ac:dyDescent="0.2">
      <c r="A76" s="14">
        <v>401</v>
      </c>
      <c r="B76" s="15" t="s">
        <v>82</v>
      </c>
      <c r="C76" s="11">
        <v>57</v>
      </c>
      <c r="D76" s="12">
        <v>74</v>
      </c>
      <c r="E76" s="12">
        <v>131</v>
      </c>
      <c r="F76" s="13">
        <v>65</v>
      </c>
    </row>
    <row r="77" spans="1:6" ht="23.1" customHeight="1" x14ac:dyDescent="0.2">
      <c r="A77" s="14">
        <v>402</v>
      </c>
      <c r="B77" s="15" t="s">
        <v>83</v>
      </c>
      <c r="C77" s="11">
        <v>29</v>
      </c>
      <c r="D77" s="12">
        <v>36</v>
      </c>
      <c r="E77" s="12">
        <v>65</v>
      </c>
      <c r="F77" s="13">
        <v>27</v>
      </c>
    </row>
    <row r="78" spans="1:6" ht="23.1" customHeight="1" x14ac:dyDescent="0.2">
      <c r="A78" s="14">
        <v>403</v>
      </c>
      <c r="B78" s="15" t="s">
        <v>84</v>
      </c>
      <c r="C78" s="11">
        <v>1</v>
      </c>
      <c r="D78" s="12">
        <v>6</v>
      </c>
      <c r="E78" s="12">
        <v>7</v>
      </c>
      <c r="F78" s="13">
        <v>0</v>
      </c>
    </row>
    <row r="79" spans="1:6" ht="23.1" customHeight="1" x14ac:dyDescent="0.2">
      <c r="A79" s="14">
        <v>404</v>
      </c>
      <c r="B79" s="15" t="s">
        <v>85</v>
      </c>
      <c r="C79" s="11">
        <v>16</v>
      </c>
      <c r="D79" s="12">
        <v>6</v>
      </c>
      <c r="E79" s="12">
        <v>22</v>
      </c>
      <c r="F79" s="13">
        <v>15</v>
      </c>
    </row>
    <row r="80" spans="1:6" ht="23.1" customHeight="1" x14ac:dyDescent="0.2">
      <c r="A80" s="14">
        <v>405</v>
      </c>
      <c r="B80" s="15" t="s">
        <v>86</v>
      </c>
      <c r="C80" s="11">
        <v>12</v>
      </c>
      <c r="D80" s="12">
        <v>30</v>
      </c>
      <c r="E80" s="12">
        <v>42</v>
      </c>
      <c r="F80" s="13">
        <v>25</v>
      </c>
    </row>
    <row r="81" spans="1:6" ht="23.1" customHeight="1" x14ac:dyDescent="0.2">
      <c r="A81" s="14">
        <v>406</v>
      </c>
      <c r="B81" s="15" t="s">
        <v>87</v>
      </c>
      <c r="C81" s="11">
        <v>1</v>
      </c>
      <c r="D81" s="12">
        <v>10</v>
      </c>
      <c r="E81" s="12">
        <v>11</v>
      </c>
      <c r="F81" s="13">
        <v>1</v>
      </c>
    </row>
    <row r="82" spans="1:6" ht="23.1" customHeight="1" x14ac:dyDescent="0.2">
      <c r="A82" s="14">
        <v>407</v>
      </c>
      <c r="B82" s="15" t="s">
        <v>88</v>
      </c>
      <c r="C82" s="11">
        <v>0</v>
      </c>
      <c r="D82" s="12">
        <v>8</v>
      </c>
      <c r="E82" s="12">
        <v>8</v>
      </c>
      <c r="F82" s="13">
        <v>1</v>
      </c>
    </row>
    <row r="83" spans="1:6" ht="23.1" customHeight="1" x14ac:dyDescent="0.2">
      <c r="A83" s="14">
        <v>408</v>
      </c>
      <c r="B83" s="15" t="s">
        <v>89</v>
      </c>
      <c r="C83" s="11">
        <v>12</v>
      </c>
      <c r="D83" s="12">
        <v>14</v>
      </c>
      <c r="E83" s="12">
        <v>26</v>
      </c>
      <c r="F83" s="13">
        <v>15</v>
      </c>
    </row>
    <row r="84" spans="1:6" ht="23.1" customHeight="1" x14ac:dyDescent="0.2">
      <c r="A84" s="14">
        <v>499</v>
      </c>
      <c r="B84" s="15" t="s">
        <v>61</v>
      </c>
      <c r="C84" s="11">
        <v>128</v>
      </c>
      <c r="D84" s="12">
        <v>184</v>
      </c>
      <c r="E84" s="12">
        <v>312</v>
      </c>
      <c r="F84" s="13">
        <v>149</v>
      </c>
    </row>
    <row r="85" spans="1:6" ht="23.1" customHeight="1" x14ac:dyDescent="0.2">
      <c r="A85" s="14">
        <v>501</v>
      </c>
      <c r="B85" s="15" t="s">
        <v>90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91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2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3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6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4</v>
      </c>
      <c r="C90" s="11">
        <v>1</v>
      </c>
      <c r="D90" s="12">
        <v>17</v>
      </c>
      <c r="E90" s="12">
        <v>18</v>
      </c>
      <c r="F90" s="13">
        <v>15</v>
      </c>
    </row>
    <row r="91" spans="1:6" ht="23.1" customHeight="1" x14ac:dyDescent="0.2">
      <c r="A91" s="14">
        <v>602</v>
      </c>
      <c r="B91" s="15" t="s">
        <v>95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63</v>
      </c>
      <c r="C92" s="18">
        <v>1</v>
      </c>
      <c r="D92" s="19">
        <v>17</v>
      </c>
      <c r="E92" s="19">
        <v>18</v>
      </c>
      <c r="F92" s="20">
        <v>15</v>
      </c>
    </row>
    <row r="93" spans="1:6" ht="23.1" customHeight="1" x14ac:dyDescent="0.2">
      <c r="A93" s="21"/>
      <c r="B93" s="22" t="s">
        <v>55</v>
      </c>
      <c r="C93" s="23">
        <v>2178</v>
      </c>
      <c r="D93" s="24">
        <v>2904</v>
      </c>
      <c r="E93" s="24">
        <v>5082</v>
      </c>
      <c r="F93" s="25">
        <v>2732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53:49Z</dcterms:modified>
</cp:coreProperties>
</file>